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4"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4"/>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3-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3-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peldoor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Lettertype, Graphics, logo, tekst&#10;&#10;Automatisch gegenereerde beschrijving">
            <a:extLst>
              <a:ext uri="{FF2B5EF4-FFF2-40B4-BE49-F238E27FC236}">
                <a16:creationId xmlns:a16="http://schemas.microsoft.com/office/drawing/2014/main" id="{837DF834-D7AA-5BCC-C767-2A6E0F5C077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7934" y="4936085"/>
            <a:ext cx="3401266" cy="172784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Lettertype, Graphics, logo, tekst&#10;&#10;Automatisch gegenereerde beschrijving">
            <a:extLst>
              <a:ext uri="{FF2B5EF4-FFF2-40B4-BE49-F238E27FC236}">
                <a16:creationId xmlns:a16="http://schemas.microsoft.com/office/drawing/2014/main" id="{7D7C8165-CADF-B546-AB85-F5673836E75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9099" y="4148801"/>
            <a:ext cx="2285815" cy="116119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3T13:51:53Z</dcterms:modified>
</cp:coreProperties>
</file>